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33"/>
  </p:notesMasterIdLst>
  <p:handoutMasterIdLst>
    <p:handoutMasterId r:id="rId34"/>
  </p:handoutMasterIdLst>
  <p:sldIdLst>
    <p:sldId id="257" r:id="rId2"/>
    <p:sldId id="258" r:id="rId3"/>
    <p:sldId id="259" r:id="rId4"/>
    <p:sldId id="260" r:id="rId5"/>
    <p:sldId id="261" r:id="rId6"/>
    <p:sldId id="262" r:id="rId7"/>
    <p:sldId id="263" r:id="rId8"/>
    <p:sldId id="268" r:id="rId9"/>
    <p:sldId id="264" r:id="rId10"/>
    <p:sldId id="269" r:id="rId11"/>
    <p:sldId id="265" r:id="rId12"/>
    <p:sldId id="271" r:id="rId13"/>
    <p:sldId id="272" r:id="rId14"/>
    <p:sldId id="273" r:id="rId15"/>
    <p:sldId id="274" r:id="rId16"/>
    <p:sldId id="275" r:id="rId17"/>
    <p:sldId id="276" r:id="rId18"/>
    <p:sldId id="277" r:id="rId19"/>
    <p:sldId id="287" r:id="rId20"/>
    <p:sldId id="288" r:id="rId21"/>
    <p:sldId id="278" r:id="rId22"/>
    <p:sldId id="279" r:id="rId23"/>
    <p:sldId id="280" r:id="rId24"/>
    <p:sldId id="281" r:id="rId25"/>
    <p:sldId id="282" r:id="rId26"/>
    <p:sldId id="267" r:id="rId27"/>
    <p:sldId id="283" r:id="rId28"/>
    <p:sldId id="284" r:id="rId29"/>
    <p:sldId id="285" r:id="rId30"/>
    <p:sldId id="270" r:id="rId31"/>
    <p:sldId id="286" r:id="rId32"/>
  </p:sldIdLst>
  <p:sldSz cx="12190413" cy="6859588"/>
  <p:notesSz cx="7010400" cy="9296400"/>
  <p:custDataLst>
    <p:tags r:id="rId35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28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0104" autoAdjust="0"/>
  </p:normalViewPr>
  <p:slideViewPr>
    <p:cSldViewPr snapToGrid="0">
      <p:cViewPr varScale="1">
        <p:scale>
          <a:sx n="73" d="100"/>
          <a:sy n="73" d="100"/>
        </p:scale>
        <p:origin x="114" y="92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928"/>
        <p:guide pos="2208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ableStyles" Target="tableStyles.xml"/><Relationship Id="rId21" Type="http://schemas.openxmlformats.org/officeDocument/2006/relationships/slide" Target="slides/slide20.xml"/><Relationship Id="rId34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notesMaster" Target="notesMasters/notesMaster1.xml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gs" Target="tags/tag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1-12-201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1/12/2018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7988" y="696913"/>
            <a:ext cx="6194425" cy="348615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3177" tIns="46589" rIns="93177" bIns="46589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3F78D9-42B8-43DD-B9D4-11FA41011F45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620D795-7D6C-4DDD-9364-2C8C35AA87F6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B90C0BA-1BD5-469D-8018-C447C1EB2A93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2DADF78-B3EF-4042-B2F9-5AAFBCE5A22E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BA51A42-5836-428D-B66B-B65A92E2CCAA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36937CD-C8B6-42FA-9EC6-EF300AFFE646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10093C-62DA-496A-9DBF-6F8D26F3BF2E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9F0066-3164-42E7-92E6-6ECB81B57310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E8FCDCF-FAAC-48D8-97CE-71AEDA9EFE29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E088B74-D5F8-4D6D-B466-6D0723103653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EEB1991-01A7-4A1C-9C66-872C05E5583D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10C8F63-746D-49AA-89DD-F720C3C3E8E3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7D9B8B2-2B26-4659-AFD3-8F852FE9A4D5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2D02C2F-C8D1-4CA6-BC85-74B401D907FB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317641B-8A6E-4000-8D18-8C26E74C5E0D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9976E51-1FC3-4474-950D-AA48067650FE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9B1F6A8-6B7A-461C-8C18-9117AB04685F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70B47BD-1B93-49E8-8F1A-50F28146FAEE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8217C0B-9033-4A97-8B9B-43B4113B467B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93200B9-2419-488B-B3B4-69557D1FB50C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36191CC-81E4-40E2-A3EA-FD9630412644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178DCDE-D1A1-4EB4-8F09-37541DFBB130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44EB0A-8F31-4F12-A58B-82FA23A642B9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A8D4E2C-4AD4-4902-9AA6-258C412AEED1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2E10D1A-D613-41CE-B02A-846290684BA0}" type="datetime1">
              <a:rPr lang="en-GB" smtClean="0"/>
              <a:t>11/12/2018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7FB7D42-25F0-4925-AB91-37097B4A81F1}" type="datetime1">
              <a:rPr lang="en-GB" smtClean="0"/>
              <a:t>11/12/2018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270F80D-0DED-41DC-8003-ACA44099192B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5E849237-3873-4459-A547-67B1C8011873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39E358D6-2C07-4588-BB20-50FD0000CCEB}" type="datetime1">
              <a:rPr lang="en-GB" smtClean="0"/>
              <a:t>11/12/2018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E6892AED-DD77-42C7-BB42-12F75B7E66E8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D4A6F46-B6F7-4994-AAE4-379699F66888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B98ADA4-E8FA-45D8-A667-5B7FA1A67187}" type="datetime1">
              <a:rPr lang="en-GB" smtClean="0"/>
              <a:t>11/12/2018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51C8650-3279-4A76-90A4-98B51440301C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13202A9-DE11-408D-9B8A-7630BF567349}" type="datetime1">
              <a:rPr lang="en-GB" smtClean="0"/>
              <a:t>11/12/20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E8A079D-0F01-4087-8466-404AA9697848}" type="datetime1">
              <a:rPr lang="da-DK" smtClean="0"/>
              <a:t>11-12-2018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sldNum="0"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3.epa.gov/ttn/scram/appendix_w/2016/EPA-454_R-16-005.pdf" TargetMode="External"/><Relationship Id="rId2" Type="http://schemas.openxmlformats.org/officeDocument/2006/relationships/hyperlink" Target="https://www3.epa.gov/ttn/scram/guidance/guide/appw_17.pdf" TargetMode="External"/><Relationship Id="rId1" Type="http://schemas.openxmlformats.org/officeDocument/2006/relationships/slideLayout" Target="../slideLayouts/slideLayout7.xml"/><Relationship Id="rId5" Type="http://schemas.openxmlformats.org/officeDocument/2006/relationships/hyperlink" Target="https://www3.epa.gov/ttn/scram/2018_RSL/Presentations/1-21_2018_RSL-MERPs.pdf" TargetMode="External"/><Relationship Id="rId4" Type="http://schemas.openxmlformats.org/officeDocument/2006/relationships/hyperlink" Target="https://www3.epa.gov/ttn/scram/guidance/clarification/20170804-Photochemical_Grid_Model_Clarification_Memo.pdf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gif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wmf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wmf"/><Relationship Id="rId2" Type="http://schemas.openxmlformats.org/officeDocument/2006/relationships/image" Target="../media/image21.wmf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8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EF123B10-42C0-460C-B88F-D111C17B293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8512" y="409569"/>
            <a:ext cx="10540047" cy="681548"/>
          </a:xfrm>
        </p:spPr>
        <p:txBody>
          <a:bodyPr/>
          <a:lstStyle/>
          <a:p>
            <a:r>
              <a:rPr lang="en-US" sz="3600" cap="none" dirty="0"/>
              <a:t>WRAP Regional Technical Operations Work Group (RTOWG) and Regional Haze Control Measures Subcommittee (CMS)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C4E8CA59-08A4-4D3E-A24E-A26ECE19383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1" y="2259875"/>
            <a:ext cx="10918872" cy="1423852"/>
          </a:xfrm>
        </p:spPr>
        <p:txBody>
          <a:bodyPr/>
          <a:lstStyle/>
          <a:p>
            <a:r>
              <a:rPr lang="en-US" sz="4000" cap="none" dirty="0"/>
              <a:t>Options for Single-Source Visibility Ranking/Evaluation with Modeling Tools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4954D7A-4D0F-4BCE-AFBB-199F04EA66F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619250" y="3814353"/>
            <a:ext cx="9418864" cy="2168435"/>
          </a:xfrm>
        </p:spPr>
        <p:txBody>
          <a:bodyPr/>
          <a:lstStyle/>
          <a:p>
            <a:pPr algn="ctr">
              <a:spcAft>
                <a:spcPts val="0"/>
              </a:spcAft>
            </a:pPr>
            <a:r>
              <a:rPr lang="en-US" sz="3200" b="1" dirty="0">
                <a:solidFill>
                  <a:srgbClr val="002060"/>
                </a:solidFill>
              </a:rPr>
              <a:t>Ralph Morris</a:t>
            </a:r>
          </a:p>
          <a:p>
            <a:pPr algn="ctr">
              <a:spcAft>
                <a:spcPts val="1800"/>
              </a:spcAft>
            </a:pPr>
            <a:r>
              <a:rPr lang="en-US" sz="3200" b="1" dirty="0">
                <a:solidFill>
                  <a:srgbClr val="002060"/>
                </a:solidFill>
              </a:rPr>
              <a:t>Ramboll</a:t>
            </a:r>
            <a:endParaRPr lang="en-US" sz="2400" b="1" dirty="0"/>
          </a:p>
          <a:p>
            <a:pPr algn="ctr"/>
            <a:r>
              <a:rPr lang="en-US" sz="2400" b="1" i="1" dirty="0"/>
              <a:t>Webinar to support development of recommendations for Regional Haze planning analyses</a:t>
            </a:r>
          </a:p>
          <a:p>
            <a:pPr algn="ctr"/>
            <a:r>
              <a:rPr lang="en-US" sz="2400" b="1" dirty="0">
                <a:solidFill>
                  <a:srgbClr val="7030A0"/>
                </a:solidFill>
              </a:rPr>
              <a:t>December 12, 20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ABC3F0D9-CF22-4B3B-BC9F-1E55493BFA2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8223" t="48432" r="53762" b="44806"/>
          <a:stretch/>
        </p:blipFill>
        <p:spPr>
          <a:xfrm>
            <a:off x="5401420" y="2301864"/>
            <a:ext cx="1382806" cy="65594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E7C4B63-7159-4DEB-852E-38E929A0E5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Area of Influence (AOI) / Weighted Emissions Potential (WEP)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D8958F8-D541-4CA3-A197-315CDE8E5FF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92317"/>
            <a:ext cx="10588625" cy="4416070"/>
          </a:xfrm>
        </p:spPr>
        <p:txBody>
          <a:bodyPr/>
          <a:lstStyle/>
          <a:p>
            <a:r>
              <a:rPr lang="en-US" dirty="0"/>
              <a:t> Weighted Emissions Potential (WEP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xtinction Weighted Residence Time (EWRT)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Weight the HYSPLIT Residence Time Analysis by the Sulfate (Nitrate) Extinction on each MI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eighted Emissions Potential (WEP)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For each SO2 (NOx) source, weigh the SO4 (NO3) EWRT</a:t>
            </a:r>
            <a:r>
              <a:rPr lang="en-US" i="1" baseline="-25000" dirty="0"/>
              <a:t>ij</a:t>
            </a:r>
            <a:r>
              <a:rPr lang="en-US" dirty="0"/>
              <a:t> by SO2 (NOx) emissions divided by distance</a:t>
            </a:r>
          </a:p>
          <a:p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2EEC0E2-589D-46BD-8068-867A59F73A3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4320" t="68676" r="50000" b="22003"/>
          <a:stretch/>
        </p:blipFill>
        <p:spPr>
          <a:xfrm>
            <a:off x="6092823" y="1002234"/>
            <a:ext cx="3351801" cy="1120173"/>
          </a:xfrm>
          <a:prstGeom prst="rect">
            <a:avLst/>
          </a:prstGeom>
        </p:spPr>
      </p:pic>
      <p:pic>
        <p:nvPicPr>
          <p:cNvPr id="6" name="Picture 5" descr="\\dhex4\disk4\CenSARA_AOI\postproc\pynotebook\png\36km\ewrt.so4.CACR1.100m.72bt.zoom.png">
            <a:extLst>
              <a:ext uri="{FF2B5EF4-FFF2-40B4-BE49-F238E27FC236}">
                <a16:creationId xmlns:a16="http://schemas.microsoft.com/office/drawing/2014/main" id="{FFDF35C7-BEB8-456C-BA96-C47AA45EC9EE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512" y="3194137"/>
            <a:ext cx="4124218" cy="3211851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6" descr="\\dhex4\disk4\CenSARA_AOI\postproc\pynotebook\png\36km\ewrt.no3.CACR1.100m.72bt.zoom.png">
            <a:extLst>
              <a:ext uri="{FF2B5EF4-FFF2-40B4-BE49-F238E27FC236}">
                <a16:creationId xmlns:a16="http://schemas.microsoft.com/office/drawing/2014/main" id="{4B92BD77-C14C-4ABA-BA76-9C29C8F4BD62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7994" y="3194137"/>
            <a:ext cx="4298302" cy="327403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8616771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C3E928-3A49-427F-BC1A-A6615993CD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Use WEP [(Q/d) x EWRT] to Rank Sources</a:t>
            </a:r>
            <a:endParaRPr lang="en-US" dirty="0"/>
          </a:p>
        </p:txBody>
      </p:sp>
      <p:pic>
        <p:nvPicPr>
          <p:cNvPr id="6" name="Content Placeholder 5" descr="\\dhex4\disk4\CenSARA_AOI\postproc\pynotebook\png\36km\ewrt.no3.CACR1.100m.72bt.zoom.png">
            <a:extLst>
              <a:ext uri="{FF2B5EF4-FFF2-40B4-BE49-F238E27FC236}">
                <a16:creationId xmlns:a16="http://schemas.microsoft.com/office/drawing/2014/main" id="{52A05147-946A-4C4C-997A-07B10936F87A}"/>
              </a:ext>
            </a:extLst>
          </p:cNvPr>
          <p:cNvPicPr>
            <a:picLocks noGrp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95212" y="839334"/>
            <a:ext cx="3814198" cy="282859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8" name="Group 7">
            <a:extLst>
              <a:ext uri="{FF2B5EF4-FFF2-40B4-BE49-F238E27FC236}">
                <a16:creationId xmlns:a16="http://schemas.microsoft.com/office/drawing/2014/main" id="{5CBF5160-ADDB-430B-8D85-6B7317895B02}"/>
              </a:ext>
            </a:extLst>
          </p:cNvPr>
          <p:cNvGrpSpPr/>
          <p:nvPr/>
        </p:nvGrpSpPr>
        <p:grpSpPr>
          <a:xfrm>
            <a:off x="1610683" y="828000"/>
            <a:ext cx="4148140" cy="5657188"/>
            <a:chOff x="248496" y="1052354"/>
            <a:chExt cx="2724785" cy="4754880"/>
          </a:xfrm>
        </p:grpSpPr>
        <p:pic>
          <p:nvPicPr>
            <p:cNvPr id="5" name="Picture 4" descr="\\dhex4\disk4\CenSARA_AOI\postproc\pynotebook\png\36km\ewrt.so4.CACR1.100m.72bt.zoom.png">
              <a:extLst>
                <a:ext uri="{FF2B5EF4-FFF2-40B4-BE49-F238E27FC236}">
                  <a16:creationId xmlns:a16="http://schemas.microsoft.com/office/drawing/2014/main" id="{15FDBBBB-EE02-4EF4-878A-316C6BCA7A5B}"/>
                </a:ext>
              </a:extLst>
            </p:cNvPr>
            <p:cNvPicPr/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8496" y="1052354"/>
              <a:ext cx="2724785" cy="237744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" name="Picture 6" descr="\\dhex4\disk4\CenSARA_AOI\postproc\pynotebook\png\36km\ewrt.qd.2016.so2.CACR1.100m.72bt.zoom.png">
              <a:extLst>
                <a:ext uri="{FF2B5EF4-FFF2-40B4-BE49-F238E27FC236}">
                  <a16:creationId xmlns:a16="http://schemas.microsoft.com/office/drawing/2014/main" id="{7AAEAAAF-8CE1-4630-8D9F-88E364343BAC}"/>
                </a:ext>
              </a:extLst>
            </p:cNvPr>
            <p:cNvPicPr/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7868" y="3439319"/>
              <a:ext cx="2606040" cy="2367915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9" name="Picture 8" descr="\\dhex4\disk4\CenSARA_AOI\postproc\pynotebook\png\36km\ewrt.qd.2016.nox.CACR1.100m.72bt.zoom.png">
            <a:extLst>
              <a:ext uri="{FF2B5EF4-FFF2-40B4-BE49-F238E27FC236}">
                <a16:creationId xmlns:a16="http://schemas.microsoft.com/office/drawing/2014/main" id="{9C4D2211-D592-4BA7-9419-C906DEA14BBE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82894" y="3667927"/>
            <a:ext cx="3687823" cy="298339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55345235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9980EBEE-1109-47A3-AB90-AFEEE6A25F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Area of Influence (AOI) / Weighted Emissions Potential (WEP)</a:t>
            </a:r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2EF8F8B-B325-46B3-A0E8-1E984A0D43F9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ccounts for geography and transport paths to CIA on MID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O2 (NOx) sources weighted by MID’s SO4 (NO3) extinc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ss costly than PGM modeling</a:t>
            </a:r>
          </a:p>
          <a:p>
            <a:pPr lvl="1"/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2A21E53-AA94-46EF-84B8-8D7C80779390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ncertainties in HYSPLIT back trajectori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es not account for chemical transform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ifficult to compare rankings across different C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t quantitativ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re costly than Q/d</a:t>
            </a:r>
          </a:p>
        </p:txBody>
      </p:sp>
    </p:spTree>
    <p:extLst>
      <p:ext uri="{BB962C8B-B14F-4D97-AF65-F5344CB8AC3E}">
        <p14:creationId xmlns:p14="http://schemas.microsoft.com/office/powerpoint/2010/main" val="54734464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458986-90E3-4DBD-B67E-FED00EC656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LPUFF: Lagrangian non-Steady-State Puff Mod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D46CF3C-57A7-4B76-A1C5-C60CDB763A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064712"/>
            <a:ext cx="6879942" cy="4643675"/>
          </a:xfrm>
        </p:spPr>
        <p:txBody>
          <a:bodyPr/>
          <a:lstStyle/>
          <a:p>
            <a:r>
              <a:rPr lang="en-US" dirty="0"/>
              <a:t>CALPUFF tracks emissions from a source using a series of puffs that can overlap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cludes Reduced Form chemical transformation rates</a:t>
            </a:r>
          </a:p>
          <a:p>
            <a:r>
              <a:rPr lang="en-US" dirty="0"/>
              <a:t>CALPUFF used extensively in Round 1 Regional Haze SIP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creening tool for when a source is Subject-to-BART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ource’s visibility impact ≥ 0.5 dv</a:t>
            </a:r>
          </a:p>
          <a:p>
            <a:r>
              <a:rPr lang="en-US" dirty="0"/>
              <a:t>2003 EPA Modeling Guidelines (Appendix W)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-preferred far-field (&gt; 50-km) model for inert pollutant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For example, SO2, PM2.5 CIA  PSD SILs/Increments</a:t>
            </a:r>
          </a:p>
          <a:p>
            <a:r>
              <a:rPr lang="en-US" dirty="0"/>
              <a:t>EPA January 17, 2017 Modeling Guidelines (App W)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elist CALPUFF as EPA-preferred far-field mode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 states that Chemical Transport Models (CTMs) with full-science chemistry (e.g., PGMS) should be used for single-source ozone and secondary PM impacts</a:t>
            </a:r>
          </a:p>
          <a:p>
            <a:pPr lvl="1"/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26209CF-6A8C-4B96-8B93-A151D614173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7197" t="31758" r="35984" b="31873"/>
          <a:stretch/>
        </p:blipFill>
        <p:spPr>
          <a:xfrm>
            <a:off x="7928975" y="1340285"/>
            <a:ext cx="4074296" cy="31064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84319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F8BC72-E085-4341-B0A3-44F4B0522C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tential source screening approach using CALPUFF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1D7A2A-7253-4183-B0C7-F9CCCF02C38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02707"/>
            <a:ext cx="10588625" cy="4405680"/>
          </a:xfrm>
        </p:spPr>
        <p:txBody>
          <a:bodyPr/>
          <a:lstStyle/>
          <a:p>
            <a:r>
              <a:rPr lang="en-US" dirty="0"/>
              <a:t>Use recent WRF data (e.g., EPA’s 2011, 2014, 2015, 2016) and process using MMIF to generate 12-km CALPUFF meteorological inputs</a:t>
            </a:r>
          </a:p>
          <a:p>
            <a:r>
              <a:rPr lang="en-US" dirty="0"/>
              <a:t>Prepare other CALPUFF inputs (e.g., background ozone and ammonia).</a:t>
            </a:r>
          </a:p>
          <a:p>
            <a:r>
              <a:rPr lang="en-US" dirty="0"/>
              <a:t>Run CALPUFF for candidate sources and calculate daily visibility impacts at CI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etermine source contributions on 20% MIDs and rank sources for conducting Four-Factor Analysis</a:t>
            </a:r>
          </a:p>
          <a:p>
            <a:endParaRPr lang="en-US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180326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670806A-5537-4543-BB6B-237E4CCA04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LPUFF Screening Approach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92AB98F-9A8F-42B4-8105-740C388BCE97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ccounts for geography and transport paths on MID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compare source impacts across C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ss costly than PGM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mi-quantitative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E2F307E-654E-48B7-848C-4B5ACB1621C9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re costly than AOI/WEP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imited number of years with WRF dat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ncertainties in transport/dispers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duced Form Chemistr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t recommended by EPA for secondary PM</a:t>
            </a:r>
          </a:p>
        </p:txBody>
      </p:sp>
    </p:spTree>
    <p:extLst>
      <p:ext uri="{BB962C8B-B14F-4D97-AF65-F5344CB8AC3E}">
        <p14:creationId xmlns:p14="http://schemas.microsoft.com/office/powerpoint/2010/main" val="340372811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06F2CB-4593-4A07-8961-C4D84889CF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PA Recommendations for Single-Source modeling for Secondary Particulate Matte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48BBC2A-573E-4C7B-A669-B60FFF93A8F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65030"/>
            <a:ext cx="10588625" cy="5248504"/>
          </a:xfrm>
        </p:spPr>
        <p:txBody>
          <a:bodyPr/>
          <a:lstStyle/>
          <a:p>
            <a:pPr>
              <a:spcAft>
                <a:spcPts val="800"/>
              </a:spcAft>
            </a:pPr>
            <a:r>
              <a:rPr lang="en-US" dirty="0"/>
              <a:t>EPA Current (Jan 2017) Modeling Guidelines (Appendix W):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ier II explicit modeling </a:t>
            </a:r>
            <a:r>
              <a:rPr lang="en-US" i="1" dirty="0"/>
              <a:t>“involves application of more sophisticated case-specific chemical transport models (CTMs) (e.g., photochemical grid models)” 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>
                <a:hlinkClick r:id="rId2"/>
              </a:rPr>
              <a:t>https://www3.epa.gov/ttn/scram/guidance/guide/appw_17.pdf</a:t>
            </a:r>
            <a:endParaRPr lang="en-US" dirty="0"/>
          </a:p>
          <a:p>
            <a:pPr>
              <a:spcAft>
                <a:spcPts val="800"/>
              </a:spcAft>
            </a:pPr>
            <a:r>
              <a:rPr lang="en-US" dirty="0"/>
              <a:t>EPA Guidance for Single-Source Modeling of Secondary Pollutants (Dec 2016):</a:t>
            </a:r>
          </a:p>
          <a:p>
            <a:pPr lvl="1">
              <a:spcAft>
                <a:spcPts val="800"/>
              </a:spcAft>
              <a:buFont typeface="Courier New" panose="02070309020205020404" pitchFamily="49" charset="0"/>
              <a:buChar char="o"/>
            </a:pPr>
            <a:r>
              <a:rPr lang="en-US" dirty="0"/>
              <a:t>For Tier II use CTMs with photochemistry on case-by-case basis 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PGMs are one type of CTM that would be acceptable if applied correctl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>
                <a:hlinkClick r:id="rId3"/>
              </a:rPr>
              <a:t>https://www3.epa.gov/ttn/scram/appendix_w/2016/EPA-454_R-16-005.pdf</a:t>
            </a:r>
            <a:endParaRPr lang="en-US" dirty="0"/>
          </a:p>
          <a:p>
            <a:pPr>
              <a:spcAft>
                <a:spcPts val="800"/>
              </a:spcAft>
            </a:pPr>
            <a:r>
              <a:rPr lang="en-US" dirty="0"/>
              <a:t>EPA Memo on Use of PGMS for Single-Source Ozone and Secondary PM2.5 (August 2017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If applied correctly, CAMx and CMAQ would be acceptable models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dirty="0">
                <a:hlinkClick r:id="rId4"/>
              </a:rPr>
              <a:t>https://www3.epa.gov/ttn/scram/guidance/clarification/20170804-Photochemical_Grid_Model_Clarification_Memo.pdf</a:t>
            </a:r>
            <a:endParaRPr lang="en-US" dirty="0"/>
          </a:p>
          <a:p>
            <a:pPr>
              <a:spcAft>
                <a:spcPts val="800"/>
              </a:spcAft>
              <a:buSzPct val="150000"/>
              <a:buFont typeface="Arial" panose="020B0604020202020204" pitchFamily="34" charset="0"/>
              <a:buChar char="•"/>
            </a:pPr>
            <a:r>
              <a:rPr lang="en-US" dirty="0"/>
              <a:t>Modeled Emission Rates for Precursors (MERPs) for ozone and secondary PM2.5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ier I screening tool for PSD ozone and secondary PM2.5 based on CAMx PSAT Source Apportionment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>
                <a:hlinkClick r:id="rId5"/>
              </a:rPr>
              <a:t>https://www3.epa.gov/ttn/scram/2018_RSL/Presentations/1-21_2018_RSL-MERPs.pdf</a:t>
            </a:r>
            <a:endParaRPr lang="en-US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8579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715801-20F6-44C2-BBE3-4C37B74AAF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ANTATIVE Techniques for calculating Single-Source Visibility Impac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0AD544-AFEE-4D32-96BB-F40F6019C2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53019"/>
            <a:ext cx="10588625" cy="4255368"/>
          </a:xfrm>
        </p:spPr>
        <p:txBody>
          <a:bodyPr/>
          <a:lstStyle/>
          <a:p>
            <a:r>
              <a:rPr lang="en-US" u="sng" dirty="0"/>
              <a:t>Source Apportionment – PSAT</a:t>
            </a:r>
            <a:r>
              <a:rPr lang="en-US" dirty="0"/>
              <a:t>: Particulate Source Apportionment Technology (PSAT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SAT available in the CAMx PGM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ovides user define sources PM contributions from which visibility impairment can be calculated</a:t>
            </a:r>
          </a:p>
          <a:p>
            <a:pPr lvl="1">
              <a:spcAft>
                <a:spcPts val="1800"/>
              </a:spcAft>
              <a:buFont typeface="Courier New" panose="02070309020205020404" pitchFamily="49" charset="0"/>
              <a:buChar char="o"/>
            </a:pPr>
            <a:r>
              <a:rPr lang="en-US" dirty="0"/>
              <a:t>Visibility contributions for given set of atmospheric conditions (e.g., 2011 or 2028 emissions)</a:t>
            </a:r>
          </a:p>
          <a:p>
            <a:r>
              <a:rPr lang="en-US" u="sng" dirty="0"/>
              <a:t>Sensitivity Methods – BF &amp; DDM</a:t>
            </a:r>
            <a:r>
              <a:rPr lang="en-US" dirty="0"/>
              <a:t>: Brute Force (BF) &amp; Decoupled Direct Method (DDM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F – Base Case and Source Zero-Out Emissions Scenario, difference is Source Contribu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DM – Calculate sensitivity for user defined sources, can estimate Source Contributions</a:t>
            </a:r>
          </a:p>
          <a:p>
            <a:pPr lvl="2">
              <a:spcAft>
                <a:spcPts val="1800"/>
              </a:spcAft>
              <a:buFont typeface="Wingdings" panose="05000000000000000000" pitchFamily="2" charset="2"/>
              <a:buChar char="§"/>
            </a:pPr>
            <a:r>
              <a:rPr lang="en-US" dirty="0"/>
              <a:t>Sensitivity methods change the chemistry so are not true Source Apportionment, but are Prognostic</a:t>
            </a:r>
          </a:p>
          <a:p>
            <a:r>
              <a:rPr lang="en-US" u="sng" dirty="0"/>
              <a:t>SCICHEM</a:t>
            </a:r>
            <a:r>
              <a:rPr lang="en-US" dirty="0"/>
              <a:t>:  Lagrangian puff model with full-science chemistry (like CAMx and CMAQ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imulate individual source or small group of sources using overlapping puff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Background concentrations typically obtained by averaging results from CAMx or CMAQ PGM</a:t>
            </a:r>
          </a:p>
        </p:txBody>
      </p:sp>
    </p:spTree>
    <p:extLst>
      <p:ext uri="{BB962C8B-B14F-4D97-AF65-F5344CB8AC3E}">
        <p14:creationId xmlns:p14="http://schemas.microsoft.com/office/powerpoint/2010/main" val="30416325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C:\Users\gyarwood\AppData\Local\Microsoft\Windows\Temporary Internet Files\Content.Outlook\20KJNXVY\3d-photochemical-pollution-model-equations-C.gif">
            <a:extLst>
              <a:ext uri="{FF2B5EF4-FFF2-40B4-BE49-F238E27FC236}">
                <a16:creationId xmlns:a16="http://schemas.microsoft.com/office/drawing/2014/main" id="{EA116586-31DA-4B3C-860C-F808B5CF43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5962"/>
          <a:stretch/>
        </p:blipFill>
        <p:spPr bwMode="auto">
          <a:xfrm>
            <a:off x="7223477" y="1710701"/>
            <a:ext cx="4489337" cy="3856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D93E286-2F88-4F3C-B032-D42A7BBF57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56F7F0-2733-4330-BE91-7F39E0DBEB8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390389"/>
            <a:ext cx="6616896" cy="4317998"/>
          </a:xfrm>
        </p:spPr>
        <p:txBody>
          <a:bodyPr/>
          <a:lstStyle/>
          <a:p>
            <a:r>
              <a:rPr lang="en-US" sz="2000" dirty="0"/>
              <a:t>Need CAMx PGM Modeling Database</a:t>
            </a:r>
          </a:p>
          <a:p>
            <a:r>
              <a:rPr lang="en-US" sz="2000" dirty="0"/>
              <a:t>User selects sources for which PM contributions are desired</a:t>
            </a:r>
          </a:p>
          <a:p>
            <a:r>
              <a:rPr lang="en-US" sz="2000" dirty="0"/>
              <a:t>PSAT uses reactive tracers (tagged species) that run in parallel to the host PGM to track the selected source emissions contribu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All sources must be tagged (e.g., leftover group) so sum of all tagged sources adds up to total CAMx PM concentration</a:t>
            </a:r>
          </a:p>
          <a:p>
            <a:r>
              <a:rPr lang="en-US" sz="2000" dirty="0"/>
              <a:t>PSAT can invoke up to 4 families of tagged speci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(1) SO4; (2) NO3/NH4; (3) Primary PM; and (4) SOA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SOA most expensive as must track numerous precursor (VOC), PM product (SOA) and intermediate (CG) species.  </a:t>
            </a:r>
          </a:p>
        </p:txBody>
      </p:sp>
    </p:spTree>
    <p:extLst>
      <p:ext uri="{BB962C8B-B14F-4D97-AF65-F5344CB8AC3E}">
        <p14:creationId xmlns:p14="http://schemas.microsoft.com/office/powerpoint/2010/main" val="60105032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8">
            <a:extLst>
              <a:ext uri="{FF2B5EF4-FFF2-40B4-BE49-F238E27FC236}">
                <a16:creationId xmlns:a16="http://schemas.microsoft.com/office/drawing/2014/main" id="{1DC43699-0F5E-4F38-8CC9-51DA55AFFE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6237962" y="2674287"/>
            <a:ext cx="4943906" cy="28346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7C6B008-2E62-4F9D-99A2-D963CC7501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8F7ACD-9C70-4E78-A0AE-6A5790BF3903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645033"/>
            <a:ext cx="10274495" cy="4063354"/>
          </a:xfrm>
        </p:spPr>
        <p:txBody>
          <a:bodyPr/>
          <a:lstStyle/>
          <a:p>
            <a:r>
              <a:rPr lang="en-US" dirty="0"/>
              <a:t>PSAT is compatible with CAMX Plume-in-Grid (PiG) treatment of point source plum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rmally emissions from a point source are instantaneously dispersed across a grid cell (e.g., 12-km x 12-km) so fails to capture the near-source plume (e.g., high NOx) chemistry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A45888B-06E4-4A1F-AB33-B1C09FCF6A5F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99884" y="2768252"/>
            <a:ext cx="5438078" cy="2471355"/>
          </a:xfrm>
        </p:spPr>
        <p:txBody>
          <a:bodyPr/>
          <a:lstStyle/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Mx PiG tracks the near-source transport, dispersion and chemistry of a point source plume using a Lagrangian puff model.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hen the size of the puffs are commensurate with a grid cell size, the mass from the puff is transferred to the CAMx grid mode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he puffs from the subgrid-scale PiG module can be sampled using receptors </a:t>
            </a:r>
          </a:p>
          <a:p>
            <a:pPr lvl="1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47763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2F9FBBF4-64E1-4F8E-A9C6-E954F8A5DF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Background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3D713CD4-C0FA-4C81-806A-62527436A0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95400"/>
            <a:ext cx="10588625" cy="4762500"/>
          </a:xfrm>
        </p:spPr>
        <p:txBody>
          <a:bodyPr/>
          <a:lstStyle/>
          <a:p>
            <a:r>
              <a:rPr lang="en-US" sz="2400" dirty="0"/>
              <a:t>States need to identify anthropogenic emission sources that most likely contribute to visibility impairment on the Most Impaired Days (MID) at a Class I Area (CIA)</a:t>
            </a:r>
          </a:p>
          <a:p>
            <a:r>
              <a:rPr lang="en-US" sz="2400" dirty="0"/>
              <a:t>Such sources are subjected to a Four-Factor Analysis to determine whether reasonable controls should be implemented as part of  Reasonable Progress for the 2</a:t>
            </a:r>
            <a:r>
              <a:rPr lang="en-US" sz="2400" baseline="30000" dirty="0"/>
              <a:t>nd</a:t>
            </a:r>
            <a:r>
              <a:rPr lang="en-US" sz="2400" dirty="0"/>
              <a:t> Round of Regional Haze SIPs due in 2021</a:t>
            </a:r>
          </a:p>
          <a:p>
            <a:pPr marL="853200" lvl="1" indent="-457200">
              <a:buAutoNum type="arabicPeriod"/>
            </a:pPr>
            <a:r>
              <a:rPr lang="en-US" sz="2200" dirty="0"/>
              <a:t>Costs of compliance</a:t>
            </a:r>
          </a:p>
          <a:p>
            <a:pPr marL="853200" lvl="1" indent="-457200">
              <a:buAutoNum type="arabicPeriod"/>
            </a:pPr>
            <a:r>
              <a:rPr lang="en-US" sz="2200" dirty="0"/>
              <a:t>Time necessary for compliance</a:t>
            </a:r>
          </a:p>
          <a:p>
            <a:pPr marL="853200" lvl="1" indent="-457200">
              <a:buAutoNum type="arabicPeriod"/>
            </a:pPr>
            <a:r>
              <a:rPr lang="en-US" sz="2400" dirty="0"/>
              <a:t>Energy and non-air quality environmental impacts of compliance</a:t>
            </a:r>
          </a:p>
          <a:p>
            <a:pPr marL="853200" lvl="1" indent="-457200">
              <a:buAutoNum type="arabicPeriod"/>
            </a:pPr>
            <a:r>
              <a:rPr lang="en-US" sz="2400" dirty="0"/>
              <a:t>Remaining useful life</a:t>
            </a:r>
          </a:p>
          <a:p>
            <a:pPr marL="853200" lvl="1" indent="-457200">
              <a:buAutoNum type="arabicPeriod"/>
            </a:pPr>
            <a:endParaRPr lang="en-US" sz="22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364358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FBA74780-678A-456E-85A9-53356BE1DD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63D45757-65BC-4E0B-BF25-5912A1D7DC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r>
              <a:rPr lang="en-US" dirty="0"/>
              <a:t>PSAT compatible with the CAMX Plume-in-Grid (PiG) module</a:t>
            </a:r>
          </a:p>
          <a:p>
            <a:r>
              <a:rPr lang="en-US" dirty="0"/>
              <a:t>Example CAMx results using 1-km grid cell vs. 4-km grid cell with PiG and sampling receptors</a:t>
            </a:r>
          </a:p>
        </p:txBody>
      </p:sp>
      <p:sp>
        <p:nvSpPr>
          <p:cNvPr id="8" name="Text Box 12">
            <a:extLst>
              <a:ext uri="{FF2B5EF4-FFF2-40B4-BE49-F238E27FC236}">
                <a16:creationId xmlns:a16="http://schemas.microsoft.com/office/drawing/2014/main" id="{E39F1364-4E6E-4979-BC24-48DD57C2D89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382196" y="2044100"/>
            <a:ext cx="2369036" cy="433078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square" lIns="108850" tIns="54425" rIns="108850" bIns="54425">
            <a:spAutoFit/>
          </a:bodyPr>
          <a:lstStyle/>
          <a:p>
            <a:pPr>
              <a:spcBef>
                <a:spcPct val="50000"/>
              </a:spcBef>
            </a:pPr>
            <a:r>
              <a:rPr lang="en-US" sz="2100" dirty="0">
                <a:latin typeface="Calibri" panose="020F0502020204030204" pitchFamily="34" charset="0"/>
              </a:rPr>
              <a:t>CAMx 1 km grid</a:t>
            </a:r>
          </a:p>
        </p:txBody>
      </p:sp>
      <p:sp>
        <p:nvSpPr>
          <p:cNvPr id="9" name="Text Box 11">
            <a:extLst>
              <a:ext uri="{FF2B5EF4-FFF2-40B4-BE49-F238E27FC236}">
                <a16:creationId xmlns:a16="http://schemas.microsoft.com/office/drawing/2014/main" id="{2BA1D8CA-E362-4D09-92EC-29DF1CBF208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920291" y="2044100"/>
            <a:ext cx="5502814" cy="433078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square" lIns="108850" tIns="54425" rIns="108850" bIns="54425">
            <a:spAutoFit/>
          </a:bodyPr>
          <a:lstStyle/>
          <a:p>
            <a:pPr>
              <a:spcBef>
                <a:spcPct val="50000"/>
              </a:spcBef>
            </a:pPr>
            <a:r>
              <a:rPr lang="en-US" sz="2100" dirty="0">
                <a:latin typeface="Calibri" panose="020F0502020204030204" pitchFamily="34" charset="0"/>
              </a:rPr>
              <a:t>CAMx 4 km grid + </a:t>
            </a:r>
            <a:r>
              <a:rPr lang="en-US" dirty="0">
                <a:latin typeface="Calibri" panose="020F0502020204030204" pitchFamily="34" charset="0"/>
              </a:rPr>
              <a:t>PiG 200 </a:t>
            </a:r>
            <a:r>
              <a:rPr lang="en-US" sz="2100" dirty="0">
                <a:latin typeface="Calibri" panose="020F0502020204030204" pitchFamily="34" charset="0"/>
              </a:rPr>
              <a:t>m sampling gri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6F72C6A-B122-41F6-ADF5-3C5AB0FD6E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 l="8382" t="2162" r="31032" b="17329"/>
          <a:stretch>
            <a:fillRect/>
          </a:stretch>
        </p:blipFill>
        <p:spPr bwMode="auto">
          <a:xfrm>
            <a:off x="1055303" y="2440236"/>
            <a:ext cx="4747098" cy="36584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E7DEC87-8BD5-49E7-B4B7-DD6D458FCE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 l="8685" t="1851" r="30647" b="17570"/>
          <a:stretch>
            <a:fillRect/>
          </a:stretch>
        </p:blipFill>
        <p:spPr bwMode="auto">
          <a:xfrm>
            <a:off x="6241334" y="2440236"/>
            <a:ext cx="4749780" cy="36584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6776941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8A99A0-3A6B-4CA1-A8D5-713D04E823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D0C77E-D3F3-463D-A191-50BC49A76F5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65337"/>
            <a:ext cx="10588625" cy="4343050"/>
          </a:xfrm>
        </p:spPr>
        <p:txBody>
          <a:bodyPr/>
          <a:lstStyle/>
          <a:p>
            <a:pPr marL="0" indent="0" algn="ctr">
              <a:spcAft>
                <a:spcPts val="0"/>
              </a:spcAft>
              <a:buNone/>
            </a:pPr>
            <a:r>
              <a:rPr lang="en-US" dirty="0"/>
              <a:t>Example – VISTAS/ASIP individual contributions of 31 sources to PM2.5 concentrations</a:t>
            </a:r>
          </a:p>
          <a:p>
            <a:pPr marL="0" indent="0" algn="ctr">
              <a:buNone/>
            </a:pPr>
            <a:r>
              <a:rPr lang="en-US" dirty="0"/>
              <a:t>(circa 2007-2008):</a:t>
            </a:r>
          </a:p>
          <a:p>
            <a:endParaRPr lang="en-US" dirty="0"/>
          </a:p>
        </p:txBody>
      </p:sp>
      <p:pic>
        <p:nvPicPr>
          <p:cNvPr id="4" name="Picture 5">
            <a:extLst>
              <a:ext uri="{FF2B5EF4-FFF2-40B4-BE49-F238E27FC236}">
                <a16:creationId xmlns:a16="http://schemas.microsoft.com/office/drawing/2014/main" id="{E2CD9F25-DA88-4E82-AC05-8D1966F1F4F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417"/>
          <a:stretch>
            <a:fillRect/>
          </a:stretch>
        </p:blipFill>
        <p:spPr bwMode="auto">
          <a:xfrm>
            <a:off x="463463" y="2349504"/>
            <a:ext cx="5493620" cy="38015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" name="Picture 5">
            <a:extLst>
              <a:ext uri="{FF2B5EF4-FFF2-40B4-BE49-F238E27FC236}">
                <a16:creationId xmlns:a16="http://schemas.microsoft.com/office/drawing/2014/main" id="{0E3D44D3-AED8-4021-A339-F1D36F4168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57083" y="2087666"/>
            <a:ext cx="5941758" cy="40633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971DE2B-57E8-45BE-8FA9-55A996DA0CB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639" b="90011"/>
          <a:stretch/>
        </p:blipFill>
        <p:spPr bwMode="auto">
          <a:xfrm>
            <a:off x="7197497" y="5871324"/>
            <a:ext cx="2576904" cy="8240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8221603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DFA40B-A615-4A63-9CEB-26EA428E2B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55E97E-BEEC-4063-89C7-04D447B8CE30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201343"/>
            <a:ext cx="10424808" cy="4507044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/>
              <a:t>WRAP Western Air Quality Study (WAQS) CAMx 36/12-km Source Apportionment</a:t>
            </a:r>
          </a:p>
          <a:p>
            <a:r>
              <a:rPr lang="en-US" dirty="0"/>
              <a:t>Round 1:  Geographic Region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404E3A2-A495-40BC-BDDE-C38F7A2421EB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226357"/>
            <a:ext cx="4887913" cy="4557185"/>
          </a:xfrm>
        </p:spPr>
        <p:txBody>
          <a:bodyPr/>
          <a:lstStyle/>
          <a:p>
            <a:pPr marL="0" indent="0">
              <a:buNone/>
            </a:pPr>
            <a:endParaRPr lang="en-US" dirty="0"/>
          </a:p>
          <a:p>
            <a:r>
              <a:rPr lang="en-US" dirty="0"/>
              <a:t>Round 2:  Source Sector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Natural (Bio, LNOx, SS, WB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Wildfires (WF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Rx+Ag Fir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O&amp;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EGU Poi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Other Poi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On-Roa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Non-Roa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bg2">
                    <a:lumMod val="50000"/>
                  </a:schemeClr>
                </a:solidFill>
              </a:rPr>
              <a:t>Remainder Anthro</a:t>
            </a:r>
          </a:p>
          <a:p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7B6AB4A-74E9-4538-BD5D-4C766CBFC73C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597117" y="2154477"/>
            <a:ext cx="4325611" cy="399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385935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7DA92F-08C8-453F-B7F1-A0D9F33E0B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SAT – Particulate Source Apportionment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05E867-BFE6-48C8-95A1-192A45C0A295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ovides quantitative visibility contribution to visibility impairment on 20% MID and all day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contribution metrics across C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st-effective when analyzing contributions of multiple individual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with PGM visibility impacts and Reasonable Progress calcula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with EPA Modeling Guidelin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165E5A1-B4AD-4495-A40F-3D1C4068BDF5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quires CAMx PGM databa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be computationally extensive when analyzing many many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ypically only available for one year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tributions for Emissions Scenario Simulated – other years may be different</a:t>
            </a:r>
          </a:p>
          <a:p>
            <a:pPr marL="396000" lvl="1" indent="0">
              <a:buNone/>
            </a:pPr>
            <a:endParaRPr lang="en-US" dirty="0"/>
          </a:p>
          <a:p>
            <a:pPr marL="396000" lvl="1" indent="0">
              <a:buNone/>
            </a:pPr>
            <a:endParaRPr lang="en-US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8617832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713340-4EC8-4C20-B4A9-5731D3557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nsitivity Methods – BF and DD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9F28DA-1226-4645-A2FF-B1C083F6FC53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Brute Force (BF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be used with CAMx, CMAQ or any Mode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duct Base Ca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duct Sensitivity Case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dirty="0"/>
              <a:t>For example, single-source zero-out emissions scenario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ifference in concentrations is interpreted as a source contributio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B10F85-01AB-44DB-88BF-152AD18BD30D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ecoupled Direct Method (DDM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strumented in CAMx and CMAQ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r defines parameters for DDM sensitivity analysis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dirty="0"/>
              <a:t>Works similar to PSAT for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Obtain PM concentration sensitivities to emissions (dc/de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st-process to get source contributions</a:t>
            </a:r>
          </a:p>
        </p:txBody>
      </p:sp>
    </p:spTree>
    <p:extLst>
      <p:ext uri="{BB962C8B-B14F-4D97-AF65-F5344CB8AC3E}">
        <p14:creationId xmlns:p14="http://schemas.microsoft.com/office/powerpoint/2010/main" val="46698066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BA47FB-CCBA-43CC-BA95-51F3F36D6A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nsitivity Methods – BF and DD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6EDEEDF-5CDD-47B5-889E-8F7D510872AF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440493"/>
            <a:ext cx="4886325" cy="4267894"/>
          </a:xfrm>
        </p:spPr>
        <p:txBody>
          <a:bodyPr/>
          <a:lstStyle/>
          <a:p>
            <a:pPr marL="0" indent="0">
              <a:buNone/>
            </a:pPr>
            <a:r>
              <a:rPr lang="en-US" sz="2400" u="sng" dirty="0"/>
              <a:t>Brute Force (BF)</a:t>
            </a:r>
          </a:p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Quantitative, can compare across C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asy to implement and expl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st effective for one or not very many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be used with any model (CAMX/CMAQ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with EPA Modeling Guidelines</a:t>
            </a:r>
          </a:p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quires PGM databa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be costly for multiple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, not true source contributions</a:t>
            </a:r>
          </a:p>
          <a:p>
            <a:pPr lvl="1"/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649E985-12F1-4B85-9A7F-A96DF455BFA4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440492"/>
            <a:ext cx="4887913" cy="4267894"/>
          </a:xfrm>
        </p:spPr>
        <p:txBody>
          <a:bodyPr/>
          <a:lstStyle/>
          <a:p>
            <a:pPr marL="0" indent="0">
              <a:buNone/>
            </a:pPr>
            <a:r>
              <a:rPr lang="en-US" sz="2400" u="sng" dirty="0"/>
              <a:t>Decoupled Direct Method (DDM)</a:t>
            </a:r>
          </a:p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Quantitative, can compare across C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get multiple source contributions in single ru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mplemented in CAMx and CMAQ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with EPA Modeling Guidelines</a:t>
            </a:r>
          </a:p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quires PGM databa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, not true source contribu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s resource intensive (much more than PSAT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ifficult to explain and interpret</a:t>
            </a:r>
          </a:p>
        </p:txBody>
      </p:sp>
    </p:spTree>
    <p:extLst>
      <p:ext uri="{BB962C8B-B14F-4D97-AF65-F5344CB8AC3E}">
        <p14:creationId xmlns:p14="http://schemas.microsoft.com/office/powerpoint/2010/main" val="166871714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DD096F-924F-4B7D-95D4-AD613E600D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ICHEM – Lagrangian puff model with chemist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AFA26A-7BB6-4662-92CC-08C3DD3E7E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27759"/>
            <a:ext cx="10588625" cy="4380628"/>
          </a:xfrm>
        </p:spPr>
        <p:txBody>
          <a:bodyPr/>
          <a:lstStyle/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A Lagrangian puff dispersion model (think CALPUFF dispersion) with full chemistry (think CAMx and CMAQ chemistry)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altLang="en-US" sz="1800" dirty="0">
                <a:latin typeface="Verdana" pitchFamily="32" charset="0"/>
              </a:rPr>
              <a:t>SCICHEM v3.1/v3.2 is a stand alone model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altLang="en-US" sz="1800" dirty="0">
                <a:latin typeface="Verdana" pitchFamily="32" charset="0"/>
              </a:rPr>
              <a:t>Includes visibility post-processor to get single-source visibility impacts</a:t>
            </a:r>
          </a:p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Can be used to model impacts of a single source or a small number of sources to ozone and PM</a:t>
            </a:r>
            <a:r>
              <a:rPr lang="en-US" altLang="en-US" sz="2000" baseline="-25000" dirty="0">
                <a:latin typeface="Verdana" pitchFamily="32" charset="0"/>
              </a:rPr>
              <a:t>2.5</a:t>
            </a:r>
          </a:p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Model dispersion evaluated for tracer studies and AERMOD databases</a:t>
            </a:r>
          </a:p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Dispersion and chemistry evaluated against aircraft measurements of reactive plumes from power plants and petrochemical facilities</a:t>
            </a:r>
          </a:p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Requires less computing power and setup time for single source applications compared to Photochemical Grid Models (PGMs)</a:t>
            </a:r>
          </a:p>
          <a:p>
            <a:pPr lvl="1">
              <a:buSzPct val="45000"/>
              <a:buFont typeface="Wingdings" charset="2"/>
              <a:buChar char=""/>
            </a:pPr>
            <a:r>
              <a:rPr lang="en-US" altLang="en-US" sz="2000" dirty="0">
                <a:latin typeface="Verdana" pitchFamily="32" charset="0"/>
              </a:rPr>
              <a:t>Runs on Windows 7 and Windows 10 (or Linux)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173673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9B3DAC-0988-46FF-920B-7F8AD65FF7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ICHEM – Lagrangian puff model with chemist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33C07E-CEF5-4295-9BD6-B0649D81037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3429793"/>
            <a:ext cx="10588625" cy="2278593"/>
          </a:xfrm>
        </p:spPr>
        <p:txBody>
          <a:bodyPr/>
          <a:lstStyle/>
          <a:p>
            <a:r>
              <a:rPr lang="en-US" dirty="0"/>
              <a:t>Plume represented as a succession of 3-D Gaussian puffs</a:t>
            </a:r>
          </a:p>
          <a:p>
            <a:r>
              <a:rPr lang="en-US" dirty="0"/>
              <a:t>State-of-the-science puff dispersion based on SCIPUFF (Second Order Closure Integrated Puff Model)</a:t>
            </a:r>
          </a:p>
          <a:p>
            <a:r>
              <a:rPr lang="en-US" i="1" dirty="0"/>
              <a:t>Complex photochemistry</a:t>
            </a:r>
            <a:r>
              <a:rPr lang="en-US" dirty="0"/>
              <a:t> similar to CMAQ and CAMx</a:t>
            </a:r>
          </a:p>
          <a:p>
            <a:r>
              <a:rPr lang="en-US" dirty="0"/>
              <a:t>Chemistry on overlapping puffs to correctly account for interaction among puffs and with background-allows treatment of non-linear chemistry</a:t>
            </a:r>
          </a:p>
          <a:p>
            <a:r>
              <a:rPr lang="en-US" dirty="0"/>
              <a:t>Suitable for both short-range and long-range transport applications</a:t>
            </a:r>
          </a:p>
          <a:p>
            <a:endParaRPr lang="en-US" dirty="0"/>
          </a:p>
        </p:txBody>
      </p:sp>
      <p:pic>
        <p:nvPicPr>
          <p:cNvPr id="4" name="Picture 3" descr="stack">
            <a:extLst>
              <a:ext uri="{FF2B5EF4-FFF2-40B4-BE49-F238E27FC236}">
                <a16:creationId xmlns:a16="http://schemas.microsoft.com/office/drawing/2014/main" id="{B84F5724-A5DE-4F83-AD0F-1E0998F004D2}"/>
              </a:ext>
            </a:extLst>
          </p:cNvPr>
          <p:cNvPicPr>
            <a:picLocks noGrp="1"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789612" y="1295400"/>
            <a:ext cx="3207113" cy="17277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Content Placeholder 11">
            <a:extLst>
              <a:ext uri="{FF2B5EF4-FFF2-40B4-BE49-F238E27FC236}">
                <a16:creationId xmlns:a16="http://schemas.microsoft.com/office/drawing/2014/main" id="{EC315593-7815-4BBF-A2DD-413C6041F092}"/>
              </a:ext>
            </a:extLst>
          </p:cNvPr>
          <p:cNvPicPr>
            <a:picLocks noGrp="1"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477673" y="1203011"/>
            <a:ext cx="1871964" cy="19125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6" name="Right Arrow 10">
            <a:extLst>
              <a:ext uri="{FF2B5EF4-FFF2-40B4-BE49-F238E27FC236}">
                <a16:creationId xmlns:a16="http://schemas.microsoft.com/office/drawing/2014/main" id="{099657CF-A553-4F20-BEBC-FD548903988D}"/>
              </a:ext>
            </a:extLst>
          </p:cNvPr>
          <p:cNvSpPr/>
          <p:nvPr/>
        </p:nvSpPr>
        <p:spPr>
          <a:xfrm>
            <a:off x="4709630" y="2159298"/>
            <a:ext cx="843234" cy="359957"/>
          </a:xfrm>
          <a:prstGeom prst="rightArrow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04" tIns="45703" rIns="91404" bIns="45703" rtlCol="0" anchor="ctr"/>
          <a:lstStyle/>
          <a:p>
            <a:pPr algn="ctr" defTabSz="457008" hangingPunct="1">
              <a:lnSpc>
                <a:spcPct val="100000"/>
              </a:lnSpc>
              <a:buClrTx/>
              <a:buSzTx/>
            </a:pPr>
            <a:endParaRPr lang="en-GB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6495078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9B4009-44A3-420C-B72D-0E722A7FEB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ICHEM – Lagrangian puff model with chemist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AAD859-87C4-4981-B15C-46FB051B95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02082"/>
            <a:ext cx="10588625" cy="4706305"/>
          </a:xfrm>
        </p:spPr>
        <p:txBody>
          <a:bodyPr/>
          <a:lstStyle/>
          <a:p>
            <a:r>
              <a:rPr lang="en-US" altLang="en-US" sz="2000" kern="0" dirty="0">
                <a:latin typeface="Verdana" pitchFamily="32" charset="0"/>
                <a:ea typeface="ＭＳ Ｐゴシック" charset="-128"/>
              </a:rPr>
              <a:t>Data Need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altLang="en-US" sz="2000" kern="0" dirty="0">
                <a:latin typeface="Verdana" pitchFamily="32" charset="0"/>
                <a:ea typeface="ＭＳ Ｐゴシック" charset="-128"/>
              </a:rPr>
              <a:t>Meteorology – typically WRF annual hourly 3-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altLang="en-US" sz="2000" kern="0" dirty="0">
                <a:latin typeface="Verdana" pitchFamily="32" charset="0"/>
                <a:ea typeface="ＭＳ Ｐゴシック" charset="-128"/>
              </a:rPr>
              <a:t>Source emissions and stack characteristics – like AERMOD/CALPUFF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altLang="en-US" sz="2000" kern="0" dirty="0">
                <a:latin typeface="Verdana" pitchFamily="32" charset="0"/>
                <a:ea typeface="ＭＳ Ｐゴシック" charset="-128"/>
              </a:rPr>
              <a:t>Background concentrations -- plume chemistry in SCICHEM dependent on specified chemical environment into which emissions are released</a:t>
            </a:r>
          </a:p>
          <a:p>
            <a:pPr marL="342900" indent="-342900">
              <a:buSzPct val="150000"/>
              <a:buFont typeface="Arial" panose="020B0604020202020204" pitchFamily="34" charset="0"/>
              <a:buChar char="•"/>
            </a:pPr>
            <a:r>
              <a:rPr lang="en-US" altLang="en-US" sz="2000" kern="0" dirty="0">
                <a:latin typeface="Verdana" pitchFamily="32" charset="0"/>
              </a:rPr>
              <a:t>SCICHEM v3.1 release package includes regional diurnally and vertically varying monthly background chemistry files:</a:t>
            </a:r>
          </a:p>
          <a:p>
            <a:pPr marL="800053" lvl="1" indent="-342900">
              <a:buFont typeface="Courier New" panose="02070309020205020404" pitchFamily="49" charset="0"/>
              <a:buChar char="o"/>
            </a:pPr>
            <a:r>
              <a:rPr lang="en-US" altLang="en-US" sz="2000" kern="0" dirty="0">
                <a:latin typeface="Verdana" pitchFamily="32" charset="0"/>
              </a:rPr>
              <a:t>By state (sub-state level for larger states like CA and TX)</a:t>
            </a:r>
          </a:p>
          <a:p>
            <a:pPr marL="800053" lvl="1" indent="-342900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altLang="en-US" sz="2000" kern="0" dirty="0">
                <a:latin typeface="Verdana" pitchFamily="32" charset="0"/>
              </a:rPr>
              <a:t>Obtained from a CAMx 2011 12-km resolution CONUS simulation</a:t>
            </a:r>
          </a:p>
          <a:p>
            <a:pPr marL="1131253" lvl="2" indent="-342900">
              <a:buFont typeface="Wingdings" panose="05000000000000000000" pitchFamily="2" charset="2"/>
              <a:buChar char="§"/>
            </a:pPr>
            <a:r>
              <a:rPr lang="en-US" altLang="en-US" sz="1800" kern="0" dirty="0">
                <a:latin typeface="Verdana" pitchFamily="32" charset="0"/>
              </a:rPr>
              <a:t>Could easily generate background for 2028 atmospheric conditions if 2028 CAMx or CMAQ output is available</a:t>
            </a:r>
          </a:p>
          <a:p>
            <a:pPr marL="404053" indent="-342900">
              <a:buSzPct val="150000"/>
              <a:buFont typeface="Arial" panose="020B0604020202020204" pitchFamily="34" charset="0"/>
              <a:buChar char="•"/>
            </a:pPr>
            <a:r>
              <a:rPr lang="en-US" altLang="en-US" sz="2200" kern="0" dirty="0">
                <a:latin typeface="Verdana" pitchFamily="32" charset="0"/>
              </a:rPr>
              <a:t>SCCHEM v3.2 annual long-range-transport (e.g., CIA AQRV) simulation takes approximately a week using a single CPU core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449471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CAE0C1A2-08EE-45AD-B01F-E4A84036FF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ICHEM – Lagrangian puff model with chemistry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AAD845C-D8B7-4485-8C2C-3AA4B1E4F9EE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sistent with EPA Modeling Guidelin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st-effective for single-source impacts or for a few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run on Windows or Linux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GM modeling expertise and Linux Clusters not needed</a:t>
            </a:r>
          </a:p>
          <a:p>
            <a:pPr marL="396000" lvl="1" indent="0">
              <a:buNone/>
            </a:pPr>
            <a:endParaRPr lang="en-US" dirty="0"/>
          </a:p>
          <a:p>
            <a:pPr lvl="1"/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55F6D92-FBBB-4C31-90A1-AC5A0EFCF253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modeling system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 MPI/OpenMP multi-processing capabilit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ingle-source runs take ~week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Multiple sources longer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ome expertise may be neede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tential inconsistencies with PGM impacts</a:t>
            </a:r>
          </a:p>
        </p:txBody>
      </p:sp>
    </p:spTree>
    <p:extLst>
      <p:ext uri="{BB962C8B-B14F-4D97-AF65-F5344CB8AC3E}">
        <p14:creationId xmlns:p14="http://schemas.microsoft.com/office/powerpoint/2010/main" val="32397571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FDD4E0-38FD-4BD4-8081-873C89F703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 – Control Measures Subcommittee (CMS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0DDF9E-F22A-4A16-BFE0-8A485E3A3AE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954158"/>
            <a:ext cx="10588625" cy="4754230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sz="2000" dirty="0"/>
              <a:t>Control Measures Subcommittee (CMS) of the WRAP Regional Haze Planning Work Group has prepared a draft </a:t>
            </a:r>
            <a:r>
              <a:rPr lang="en-US" sz="2000" b="1" dirty="0"/>
              <a:t>“Reasonable Progress Source Identification and Analysis Protocol”</a:t>
            </a:r>
            <a:r>
              <a:rPr lang="en-US" sz="2000" dirty="0"/>
              <a:t> to promote consistency among WRAP states in identifying sources subject to the Four-Factor Analysi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The number sources and level of emissions assessed by each state will vary, but a “reasonably large fraction” of emissions impacting extinction at each CIA should be assesse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The draft EPA guidance (2016) considers 80% to be a reasonably large fraction</a:t>
            </a:r>
          </a:p>
          <a:p>
            <a:pPr>
              <a:spcAft>
                <a:spcPts val="600"/>
              </a:spcAft>
            </a:pPr>
            <a:r>
              <a:rPr lang="en-US" sz="2000" dirty="0"/>
              <a:t>Focus on anthropogenic sources of NOx, SOx and PM emission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States have good emissions information for these haze (Sulfate, Nitrate, PM) precursor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EC and Fine Soil particles are generally not inventoried by most state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OC mostly associated with wildfires or Secondary Organic Aerosols from biogenic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tates can include other pollutants for unique circumstances</a:t>
            </a:r>
          </a:p>
          <a:p>
            <a:r>
              <a:rPr lang="en-US" sz="2000" dirty="0"/>
              <a:t>CMS recommends three-step process for screening sources</a:t>
            </a:r>
          </a:p>
          <a:p>
            <a:pPr lvl="1"/>
            <a:endParaRPr lang="en-US" sz="18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317241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7F5F0A-56E6-435E-9BDB-D552CE83FD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cussion – Single-Source Visibility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39671B-B82B-4881-A063-B914AFECA2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02915"/>
            <a:ext cx="10588625" cy="4305472"/>
          </a:xfrm>
        </p:spPr>
        <p:txBody>
          <a:bodyPr/>
          <a:lstStyle/>
          <a:p>
            <a:r>
              <a:rPr lang="en-US" dirty="0"/>
              <a:t>Screening Tool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Q/d is easy to do, but should be done consistently across western U.S. reg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OI/WEP analysis would likely provide a better screening tool as it is tied to a CIA’s MIDs, but likely requires contractor support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enSARA AOI/WEP analysis cost ~$42K, expect WRAP to be the same even with many more CIAs because scripts and approach already set-up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t sure what benefits CALPUFF brings over other tools</a:t>
            </a:r>
          </a:p>
          <a:p>
            <a:r>
              <a:rPr lang="en-US" dirty="0"/>
              <a:t>Quantitative Tool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 methods least attractive given many sources need to be analyzed (BF out) and DDM is costly to use and difficult to interpre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SAT vs. SCICHEM would both be viable quantitative approach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SAT likely require contractor support and consistent with 2028 Reasonable Progress modeling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CICHEM could be set-up on IWDW servers for states to run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774152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334B2-DBA4-4687-9E93-A35EADB246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/>
              <a:t>Further Discussion</a:t>
            </a:r>
          </a:p>
        </p:txBody>
      </p:sp>
    </p:spTree>
    <p:extLst>
      <p:ext uri="{BB962C8B-B14F-4D97-AF65-F5344CB8AC3E}">
        <p14:creationId xmlns:p14="http://schemas.microsoft.com/office/powerpoint/2010/main" val="207647074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F33D9E-F6AA-4ACC-A0CC-C071280818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 – CSM Protocol Three Step Proce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56D20B-E8BC-40A6-892A-844355A61F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51722"/>
            <a:ext cx="10588625" cy="4356665"/>
          </a:xfrm>
        </p:spPr>
        <p:txBody>
          <a:bodyPr/>
          <a:lstStyle/>
          <a:p>
            <a:r>
              <a:rPr lang="en-US" sz="2000" u="sng" dirty="0"/>
              <a:t>Step 1</a:t>
            </a:r>
            <a:r>
              <a:rPr lang="en-US" sz="2000" dirty="0"/>
              <a:t> – Identify sources with 2014 emissions over 100 tpy of NOx, SOx and PM to determine the “Q” and measure distance “d” to nearest CI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tates have flexibility to choose a lower threshold than 100 tpy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2000" u="sng" dirty="0"/>
              <a:t>Step 2</a:t>
            </a:r>
            <a:r>
              <a:rPr lang="en-US" sz="2000" dirty="0"/>
              <a:t> – Calculate Q/d for identified sources and determine whether the Q/d exceeds 10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tates have flexibility to adjust to a lower “Q/d” level if no sources are identified at 10</a:t>
            </a:r>
          </a:p>
          <a:p>
            <a:r>
              <a:rPr lang="en-US" sz="2000" u="sng" dirty="0"/>
              <a:t>Step 3</a:t>
            </a:r>
            <a:r>
              <a:rPr lang="en-US" sz="2000" dirty="0"/>
              <a:t> – Sources above the Q/d screening criteria should be evaluated using CIA specific WEP to confirm source impacts for the 20% MID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ome states needing more time to acquire source-specific information may need to identify/notify sources before the WEP analysis is completed</a:t>
            </a:r>
          </a:p>
          <a:p>
            <a:r>
              <a:rPr lang="en-US" sz="2000" dirty="0"/>
              <a:t>Identified sources would be reviewed for potential controls through a Four-Factor Analysis process. 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0667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96E750-CDBB-4642-BD07-7D8FD04B7D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ingle-source visibility assessment approach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000F0B-BE4C-4668-90D9-B1CBBDC235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1185"/>
            <a:ext cx="10588625" cy="4637576"/>
          </a:xfrm>
        </p:spPr>
        <p:txBody>
          <a:bodyPr/>
          <a:lstStyle/>
          <a:p>
            <a:r>
              <a:rPr lang="en-US" sz="2000" u="sng" dirty="0"/>
              <a:t>Screening Tools</a:t>
            </a:r>
            <a:r>
              <a:rPr lang="en-US" sz="2000" dirty="0"/>
              <a:t>:  Can be used to relatively rank source’s potential for visibility impairment at a Class I Area (CIA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Q/d – Visibility Precursor Emissions divided by Distance to CI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WEP/AOI – Weighted Emissions Potential/Area of Influence</a:t>
            </a:r>
          </a:p>
          <a:p>
            <a:pPr lvl="1">
              <a:spcAft>
                <a:spcPts val="24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CALPUFF – Lagrangian puff model with simplified chemistry</a:t>
            </a:r>
          </a:p>
          <a:p>
            <a:r>
              <a:rPr lang="en-US" sz="2000" u="sng" dirty="0"/>
              <a:t>Quantitative Tools</a:t>
            </a:r>
            <a:r>
              <a:rPr lang="en-US" sz="2000" dirty="0"/>
              <a:t>:  Explicitly calculate visibility impairment at CIAs due to a source’s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ource Apportionment, PSAT – Particulate Source Apportionment Technology (in CAMx Photochemical Grid Model, PGM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ensitivity Methods – Brute Force (BF) or Decoupled Direct Method (DDM) (CAMx/CMAQ PGMs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SCICHEM – Second-order Closure Integrated Puff (SCIPUFF) model with CHEMistr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Stand alone Lagrangian Puff model – Think CALPUFF but with full chemistry like CAMx/CMAQ</a:t>
            </a:r>
          </a:p>
        </p:txBody>
      </p:sp>
    </p:spTree>
    <p:extLst>
      <p:ext uri="{BB962C8B-B14F-4D97-AF65-F5344CB8AC3E}">
        <p14:creationId xmlns:p14="http://schemas.microsoft.com/office/powerpoint/2010/main" val="15051438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AAA9B9EC-5EB1-4289-82D2-A9D7D3B1F26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633" t="20672" r="13140" b="31930"/>
          <a:stretch/>
        </p:blipFill>
        <p:spPr>
          <a:xfrm>
            <a:off x="2117557" y="3788462"/>
            <a:ext cx="7544635" cy="270859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A57613D-529C-4DC0-B9C6-52E6DA354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Q/d – Visibility Precursor Emissions divided by Distance to CIA</a:t>
            </a:r>
            <a:br>
              <a:rPr lang="en-US" dirty="0"/>
            </a:b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37D530-B5E3-479F-9756-4AC5CA6E79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02082"/>
            <a:ext cx="10588625" cy="4706305"/>
          </a:xfrm>
        </p:spPr>
        <p:txBody>
          <a:bodyPr/>
          <a:lstStyle/>
          <a:p>
            <a:pPr>
              <a:spcAft>
                <a:spcPts val="800"/>
              </a:spcAft>
            </a:pPr>
            <a:r>
              <a:rPr lang="en-US" dirty="0"/>
              <a:t>Used in Federal Land Managers’ AQRV Work Group 2010 Report</a:t>
            </a:r>
          </a:p>
          <a:p>
            <a:pPr lvl="1">
              <a:spcAft>
                <a:spcPts val="800"/>
              </a:spcAft>
              <a:buFont typeface="Courier New" panose="02070309020205020404" pitchFamily="49" charset="0"/>
              <a:buChar char="o"/>
            </a:pPr>
            <a:r>
              <a:rPr lang="en-US" dirty="0"/>
              <a:t>For PSD/ Far-Field CIA AQRV Analysis, FLAG (2010) uses Q/d Screening Analysis </a:t>
            </a:r>
          </a:p>
          <a:p>
            <a:pPr lvl="1">
              <a:spcAft>
                <a:spcPts val="800"/>
              </a:spcAft>
              <a:buFont typeface="Courier New" panose="02070309020205020404" pitchFamily="49" charset="0"/>
              <a:buChar char="o"/>
            </a:pPr>
            <a:r>
              <a:rPr lang="en-US" dirty="0"/>
              <a:t>If Q/d &lt; 10  and Source &gt; 50-km from CIA </a:t>
            </a:r>
            <a:r>
              <a:rPr lang="en-US" dirty="0">
                <a:sym typeface="Wingdings" panose="05000000000000000000" pitchFamily="2" charset="2"/>
              </a:rPr>
              <a:t> Source is assumed to not have a significant visibility (AQRV) impact at the CIA</a:t>
            </a:r>
          </a:p>
          <a:p>
            <a:pPr lvl="2">
              <a:spcAft>
                <a:spcPts val="800"/>
              </a:spcAft>
              <a:buFont typeface="Wingdings" panose="05000000000000000000" pitchFamily="2" charset="2"/>
              <a:buChar char="§"/>
            </a:pPr>
            <a:r>
              <a:rPr lang="en-US" dirty="0">
                <a:sym typeface="Wingdings" panose="05000000000000000000" pitchFamily="2" charset="2"/>
              </a:rPr>
              <a:t>Loosely based on CALPUFF modeling having visibility impact &lt; 0.5 dv</a:t>
            </a:r>
          </a:p>
          <a:p>
            <a:pPr lvl="1">
              <a:spcAft>
                <a:spcPts val="800"/>
              </a:spcAft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Q = SO2 + NOx + PM10 + H2SO4 emissions in tons per year</a:t>
            </a:r>
          </a:p>
          <a:p>
            <a:pPr lvl="2">
              <a:spcAft>
                <a:spcPts val="800"/>
              </a:spcAft>
              <a:buFont typeface="Wingdings" panose="05000000000000000000" pitchFamily="2" charset="2"/>
              <a:buChar char="§"/>
            </a:pPr>
            <a:r>
              <a:rPr lang="en-US" dirty="0">
                <a:sym typeface="Wingdings" panose="05000000000000000000" pitchFamily="2" charset="2"/>
              </a:rPr>
              <a:t>Maximum 24-hour permitted emission rates</a:t>
            </a:r>
          </a:p>
          <a:p>
            <a:pPr lvl="1">
              <a:spcAft>
                <a:spcPts val="800"/>
              </a:spcAft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d = distance between source and CIA (km)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>
                <a:sym typeface="Wingdings" panose="05000000000000000000" pitchFamily="2" charset="2"/>
              </a:rPr>
              <a:t>FLAG (2010) screening just for sources &gt; 50-km from CIA</a:t>
            </a:r>
          </a:p>
          <a:p>
            <a:pPr lvl="3"/>
            <a:endParaRPr lang="en-US" dirty="0">
              <a:sym typeface="Wingdings" panose="05000000000000000000" pitchFamily="2" charset="2"/>
            </a:endParaRPr>
          </a:p>
          <a:p>
            <a:pPr lvl="1"/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494F96A-8D5A-4AC0-A398-47B0DC8512E5}"/>
              </a:ext>
            </a:extLst>
          </p:cNvPr>
          <p:cNvSpPr txBox="1"/>
          <p:nvPr/>
        </p:nvSpPr>
        <p:spPr bwMode="auto">
          <a:xfrm>
            <a:off x="2322095" y="6497059"/>
            <a:ext cx="8446168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200" eaLnBrk="0" hangingPunct="0"/>
            <a:r>
              <a:rPr lang="en-US" b="1" spc="0" dirty="0">
                <a:solidFill>
                  <a:srgbClr val="000099"/>
                </a:solidFill>
              </a:rPr>
              <a:t>https://www.nature.nps.gov/air/Pubs/pdf/flag/FLAG_2010.pdf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00099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117617022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59D5E25-085C-4BC7-907E-F15DEA76A1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Q/d – Visibility Precursor Emissions divided by Distance to CIA</a:t>
            </a:r>
            <a:br>
              <a:rPr lang="en-US" dirty="0"/>
            </a:br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7FE4C2D-977A-4447-A7CF-8F9F325E21BE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dirty="0"/>
              <a:t>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asy to appl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volves information that states have readily availabl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ource Emissions (SO2, NOx, PM10, H2SO4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ource and CIA loca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be used as a relative metric to rank sources for each CIA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1D4BABA-7995-438C-BA54-98EFD5D80753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dirty="0"/>
              <a:t>Disadvantag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es not account for geographic transport path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 accounting for chemical convers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t based on Most Impaired Days (MID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hould a Q/D threshold be used?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[FLAG used Q/d &gt; 10]</a:t>
            </a:r>
          </a:p>
        </p:txBody>
      </p:sp>
    </p:spTree>
    <p:extLst>
      <p:ext uri="{BB962C8B-B14F-4D97-AF65-F5344CB8AC3E}">
        <p14:creationId xmlns:p14="http://schemas.microsoft.com/office/powerpoint/2010/main" val="20842334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570B2698-FABF-477E-98C9-95C532714D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Area of Influence (AOI) / Weighted Emissions Potential (WEP)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07D7CF-3188-498C-AC55-4575344B3E2E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201343"/>
            <a:ext cx="11163843" cy="4507044"/>
          </a:xfrm>
        </p:spPr>
        <p:txBody>
          <a:bodyPr/>
          <a:lstStyle/>
          <a:p>
            <a:r>
              <a:rPr lang="en-US" dirty="0"/>
              <a:t>HYSPLIT back trajectories from Class I Area (CIA) on 20% Most Impaired Days (MI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For example, four times a day (0600, 1200, 1800, 2400 LST) at four different heights above the ground (100, 200, 500, 1,000 m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ovides a frequency of occurrence that an air parcel passing over a (i,j) grid cell arrives at a CIA on one of the 20% MID</a:t>
            </a:r>
          </a:p>
          <a:p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B65D6301-CE7F-448E-A3F6-4279BD73921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87368" y="3006244"/>
            <a:ext cx="5307838" cy="2702141"/>
          </a:xfrm>
        </p:spPr>
        <p:txBody>
          <a:bodyPr/>
          <a:lstStyle/>
          <a:p>
            <a:r>
              <a:rPr lang="en-US" dirty="0"/>
              <a:t>Use recent AOI/WEP analysis conducted for CenSARA as an exampl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HYSPLIT Back Trajectories and IMPROVE 20% MID data for 2012-2016 5-year perio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xample unrelated HYSPLIT Back Trajectory </a:t>
            </a:r>
            <a:r>
              <a:rPr lang="en-US" dirty="0">
                <a:sym typeface="Wingdings" panose="05000000000000000000" pitchFamily="2" charset="2"/>
              </a:rPr>
              <a:t></a:t>
            </a:r>
            <a:endParaRPr lang="en-US" dirty="0"/>
          </a:p>
          <a:p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2F99394-785E-44F0-A710-7CEF7423DD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70856" y="2780778"/>
            <a:ext cx="2993988" cy="3878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32791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3A5D660B-CB1F-4FE4-80CE-ED2BECCD588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6813" t="86237" r="51268" b="9230"/>
          <a:stretch/>
        </p:blipFill>
        <p:spPr>
          <a:xfrm>
            <a:off x="5912854" y="2298664"/>
            <a:ext cx="2488434" cy="53216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CE0E884-0183-4BAD-9680-62DD384867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cap="none" dirty="0"/>
              <a:t>Area of Influence (AOI) / Weighted Emissions Potential (WEP)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16EAB99-AB5B-486A-8A06-FA550D1CAF1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39660"/>
            <a:ext cx="10588625" cy="4668727"/>
          </a:xfrm>
        </p:spPr>
        <p:txBody>
          <a:bodyPr/>
          <a:lstStyle/>
          <a:p>
            <a:r>
              <a:rPr lang="en-US" dirty="0"/>
              <a:t>Area of Influenced (AOI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sidence Time Analysis (   )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Amount of time a back trajectory to a CIA on MIDs passes over a location is a measure that can be used to rank source’s potential for contributing to visibility impairment at a CIA on MIDs</a:t>
            </a:r>
          </a:p>
          <a:p>
            <a:pPr lvl="1"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dirty="0"/>
              <a:t>Distance-Weighted Residence Time Analysis or</a:t>
            </a:r>
          </a:p>
          <a:p>
            <a:pPr marL="365760" lvl="1" indent="0">
              <a:buNone/>
            </a:pPr>
            <a:r>
              <a:rPr lang="en-US" dirty="0"/>
              <a:t>	   Source Contribution Function (SCF)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AEA5C44-B38E-4543-B1E3-F80B2AADBD6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6272" t="46966" r="53821" b="44461"/>
          <a:stretch/>
        </p:blipFill>
        <p:spPr>
          <a:xfrm>
            <a:off x="4388821" y="1038834"/>
            <a:ext cx="1704004" cy="82905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AA4A77A-5430-4019-ACB0-05728B3AB6E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7922" t="49829" r="60767" b="46380"/>
          <a:stretch/>
        </p:blipFill>
        <p:spPr>
          <a:xfrm>
            <a:off x="3958224" y="1406319"/>
            <a:ext cx="225469" cy="366639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9172D858-D28A-4B33-8E4F-42BC64B753D5}"/>
                  </a:ext>
                </a:extLst>
              </p:cNvPr>
              <p:cNvSpPr txBox="1"/>
              <p:nvPr/>
            </p:nvSpPr>
            <p:spPr bwMode="auto">
              <a:xfrm>
                <a:off x="6175333" y="1302709"/>
                <a:ext cx="4183693" cy="451277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200" eaLnBrk="0" hangingPunct="0"/>
                <a:r>
                  <a:rPr lang="en-GB" sz="1400" dirty="0"/>
                  <a:t>where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4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𝜏</m:t>
                        </m:r>
                      </m:e>
                      <m:sub>
                        <m:r>
                          <a:rPr lang="en-GB" sz="1400" i="1">
                            <a:latin typeface="Cambria Math" panose="02040503050406030204" pitchFamily="18" charset="0"/>
                          </a:rPr>
                          <m:t>𝑖𝑗𝑘</m:t>
                        </m:r>
                      </m:sub>
                    </m:sSub>
                  </m:oMath>
                </a14:m>
                <a:r>
                  <a:rPr lang="en-GB" sz="1400" dirty="0"/>
                  <a:t> is the residence time of the </a:t>
                </a:r>
                <a:r>
                  <a:rPr lang="en-GB" sz="1400" i="1" dirty="0"/>
                  <a:t>k</a:t>
                </a:r>
                <a:r>
                  <a:rPr lang="en-GB" sz="1400" baseline="30000" dirty="0"/>
                  <a:t>th</a:t>
                </a:r>
                <a:r>
                  <a:rPr lang="en-GB" sz="1400" dirty="0"/>
                  <a:t> trajectory at the grid cell (</a:t>
                </a:r>
                <a:r>
                  <a:rPr lang="en-GB" sz="1400" i="1" dirty="0"/>
                  <a:t>i</a:t>
                </a:r>
                <a:r>
                  <a:rPr lang="en-GB" sz="1400" dirty="0"/>
                  <a:t>, </a:t>
                </a:r>
                <a:r>
                  <a:rPr lang="en-GB" sz="1400" i="1" dirty="0"/>
                  <a:t>j</a:t>
                </a:r>
                <a:r>
                  <a:rPr lang="en-GB" sz="1400" dirty="0"/>
                  <a:t>)</a:t>
                </a: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</a:endParaRPr>
              </a:p>
            </p:txBody>
          </p:sp>
        </mc:Choice>
        <mc:Fallback xmlns=""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9172D858-D28A-4B33-8E4F-42BC64B753D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6175333" y="1302709"/>
                <a:ext cx="4183693" cy="451277"/>
              </a:xfrm>
              <a:prstGeom prst="rect">
                <a:avLst/>
              </a:prstGeom>
              <a:blipFill>
                <a:blip r:embed="rId3"/>
                <a:stretch>
                  <a:fillRect l="-2624" t="-14865" b="-22973"/>
                </a:stretch>
              </a:blip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6" name="Picture 15" descr="\\dhex4\disk4\CenSARA_AOI\postproc\pynotebook\png\36km\residencetime.CACR1.100m.72bt.zoom.png">
            <a:extLst>
              <a:ext uri="{FF2B5EF4-FFF2-40B4-BE49-F238E27FC236}">
                <a16:creationId xmlns:a16="http://schemas.microsoft.com/office/drawing/2014/main" id="{CD8378DE-60BF-4EDF-90AD-6683186ED384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1036" y="3067469"/>
            <a:ext cx="4712941" cy="3614695"/>
          </a:xfrm>
          <a:prstGeom prst="rect">
            <a:avLst/>
          </a:prstGeom>
          <a:noFill/>
          <a:ln>
            <a:noFill/>
          </a:ln>
        </p:spPr>
      </p:pic>
      <p:pic>
        <p:nvPicPr>
          <p:cNvPr id="17" name="Picture 16" descr="\\dhex4\disk4\CenSARA_AOI\postproc\pynotebook\png\36km\residencetime.CACR1.1000m.72bt.zoom.png">
            <a:extLst>
              <a:ext uri="{FF2B5EF4-FFF2-40B4-BE49-F238E27FC236}">
                <a16:creationId xmlns:a16="http://schemas.microsoft.com/office/drawing/2014/main" id="{CCFB667D-9642-40C1-8FDD-2832EEA42B14}"/>
              </a:ext>
            </a:extLst>
          </p:cNvPr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2824" y="2857778"/>
            <a:ext cx="4616929" cy="3926654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2424285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567</TotalTime>
  <Words>2999</Words>
  <Application>Microsoft Office PowerPoint</Application>
  <PresentationFormat>Custom</PresentationFormat>
  <Paragraphs>287</Paragraphs>
  <Slides>3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9" baseType="lpstr">
      <vt:lpstr>ＭＳ Ｐゴシック</vt:lpstr>
      <vt:lpstr>Arial</vt:lpstr>
      <vt:lpstr>Calibri</vt:lpstr>
      <vt:lpstr>Cambria Math</vt:lpstr>
      <vt:lpstr>Courier New</vt:lpstr>
      <vt:lpstr>Verdana</vt:lpstr>
      <vt:lpstr>Wingdings</vt:lpstr>
      <vt:lpstr>Blank</vt:lpstr>
      <vt:lpstr>WRAP Regional Technical Operations Work Group (RTOWG) and Regional Haze Control Measures Subcommittee (CMS)</vt:lpstr>
      <vt:lpstr>Background</vt:lpstr>
      <vt:lpstr>Background – Control Measures Subcommittee (CMS)</vt:lpstr>
      <vt:lpstr>Background – CSM Protocol Three Step Process</vt:lpstr>
      <vt:lpstr>Single-source visibility assessment approaches</vt:lpstr>
      <vt:lpstr>Q/d – Visibility Precursor Emissions divided by Distance to CIA </vt:lpstr>
      <vt:lpstr>Q/d – Visibility Precursor Emissions divided by Distance to CIA </vt:lpstr>
      <vt:lpstr>Area of Influence (AOI) / Weighted Emissions Potential (WEP)</vt:lpstr>
      <vt:lpstr>Area of Influence (AOI) / Weighted Emissions Potential (WEP)</vt:lpstr>
      <vt:lpstr>Area of Influence (AOI) / Weighted Emissions Potential (WEP)</vt:lpstr>
      <vt:lpstr>Use WEP [(Q/d) x EWRT] to Rank Sources</vt:lpstr>
      <vt:lpstr>Area of Influence (AOI) / Weighted Emissions Potential (WEP)</vt:lpstr>
      <vt:lpstr>CALPUFF: Lagrangian non-Steady-State Puff Model</vt:lpstr>
      <vt:lpstr>Potential source screening approach using CALPUFF</vt:lpstr>
      <vt:lpstr>CALPUFF Screening Approach</vt:lpstr>
      <vt:lpstr>EPA Recommendations for Single-Source modeling for Secondary Particulate Matter</vt:lpstr>
      <vt:lpstr>QUANTATIVE Techniques for calculating Single-Source Visibility Impacts</vt:lpstr>
      <vt:lpstr>PSAT – Particulate Source Apportionment Technology</vt:lpstr>
      <vt:lpstr>PSAT – Particulate Source Apportionment Technology</vt:lpstr>
      <vt:lpstr>PSAT – Particulate Source Apportionment Technology</vt:lpstr>
      <vt:lpstr>PSAT – Particulate Source Apportionment Technology</vt:lpstr>
      <vt:lpstr>PSAT – Particulate Source Apportionment Technology</vt:lpstr>
      <vt:lpstr>PSAT – Particulate Source Apportionment Technology</vt:lpstr>
      <vt:lpstr>Sensitivity Methods – BF and DDM</vt:lpstr>
      <vt:lpstr>Sensitivity Methods – BF and DDM</vt:lpstr>
      <vt:lpstr>SCICHEM – Lagrangian puff model with chemistry</vt:lpstr>
      <vt:lpstr>SCICHEM – Lagrangian puff model with chemistry</vt:lpstr>
      <vt:lpstr>SCICHEM – Lagrangian puff model with chemistry</vt:lpstr>
      <vt:lpstr>SCICHEM – Lagrangian puff model with chemistry</vt:lpstr>
      <vt:lpstr>Discussion – Single-Source Visibility Modeling</vt:lpstr>
      <vt:lpstr>Further Discussion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stern Regional Modeling and Analysis Platform</dc:title>
  <dc:creator>Ralph Morris</dc:creator>
  <cp:lastModifiedBy>Tom Moore</cp:lastModifiedBy>
  <cp:revision>83</cp:revision>
  <cp:lastPrinted>2018-12-10T20:35:50Z</cp:lastPrinted>
  <dcterms:created xsi:type="dcterms:W3CDTF">2018-11-30T21:43:36Z</dcterms:created>
  <dcterms:modified xsi:type="dcterms:W3CDTF">2018-12-11T18:36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